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4529907\Desktop\中間評価\"/>
    </mc:Choice>
  </mc:AlternateContent>
  <bookViews>
    <workbookView xWindow="0" yWindow="0" windowWidth="15345" windowHeight="4650"/>
  </bookViews>
  <sheets>
    <sheet name="様式" sheetId="3" r:id="rId1"/>
  </sheets>
  <definedNames>
    <definedName name="_xlnm.Print_Area" localSheetId="0">様式!$A$1:$H$26</definedName>
    <definedName name="_xlnm.Print_Titles" localSheetId="0">様式!$4:$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4" uniqueCount="43">
  <si>
    <t>１　地域課題・ニーズ等の状況について</t>
    <phoneticPr fontId="1"/>
  </si>
  <si>
    <t>２　当事業によりめざす状態</t>
    <phoneticPr fontId="1"/>
  </si>
  <si>
    <t>(1) 中長期の目標</t>
    <phoneticPr fontId="1"/>
  </si>
  <si>
    <t>(ｱ) 自律的な地域運営</t>
    <phoneticPr fontId="1"/>
  </si>
  <si>
    <t>(ｲ) 中間支援組織の活用</t>
    <phoneticPr fontId="1"/>
  </si>
  <si>
    <t>参照様式</t>
    <rPh sb="0" eb="2">
      <t>サンショウ</t>
    </rPh>
    <rPh sb="2" eb="4">
      <t>ヨウシキ</t>
    </rPh>
    <phoneticPr fontId="1"/>
  </si>
  <si>
    <t>３　当事業の目標</t>
    <phoneticPr fontId="1"/>
  </si>
  <si>
    <t>イ　利用者アンケート調査</t>
    <phoneticPr fontId="1"/>
  </si>
  <si>
    <t>ア　「自律的運営に向けた地域活動協議会の取組（イメージ）」</t>
    <phoneticPr fontId="1"/>
  </si>
  <si>
    <t>５　当事業による支援の方針</t>
    <phoneticPr fontId="1"/>
  </si>
  <si>
    <t>６　目標達成に向けた戦略</t>
    <phoneticPr fontId="1"/>
  </si>
  <si>
    <t>区の考え方等</t>
    <rPh sb="5" eb="6">
      <t>トウ</t>
    </rPh>
    <phoneticPr fontId="1"/>
  </si>
  <si>
    <t>目標の設定及び達成に向けた考え方について（区作成）</t>
    <rPh sb="21" eb="22">
      <t>ク</t>
    </rPh>
    <rPh sb="22" eb="24">
      <t>サクセイ</t>
    </rPh>
    <phoneticPr fontId="1"/>
  </si>
  <si>
    <t>【現在の状況】</t>
    <phoneticPr fontId="1"/>
  </si>
  <si>
    <t>４　地域活動協議会の状況についての分析
上記２・３の【現在の状況】及び評価資料等を踏まえ分析</t>
    <rPh sb="2" eb="4">
      <t>チイキ</t>
    </rPh>
    <rPh sb="4" eb="6">
      <t>カツドウ</t>
    </rPh>
    <rPh sb="6" eb="8">
      <t>キョウギ</t>
    </rPh>
    <rPh sb="8" eb="9">
      <t>カイ</t>
    </rPh>
    <rPh sb="10" eb="12">
      <t>ジョウキョウ</t>
    </rPh>
    <rPh sb="17" eb="19">
      <t>ブンセキ</t>
    </rPh>
    <rPh sb="21" eb="23">
      <t>ジョウキ</t>
    </rPh>
    <rPh sb="28" eb="30">
      <t>ゲンザイ</t>
    </rPh>
    <rPh sb="31" eb="33">
      <t>ジョウキョウ</t>
    </rPh>
    <rPh sb="36" eb="38">
      <t>ヒョウカ</t>
    </rPh>
    <rPh sb="38" eb="40">
      <t>シリョウ</t>
    </rPh>
    <rPh sb="40" eb="41">
      <t>トウ</t>
    </rPh>
    <phoneticPr fontId="1"/>
  </si>
  <si>
    <t>(2) 平成30年度目標</t>
    <phoneticPr fontId="1"/>
  </si>
  <si>
    <t xml:space="preserve">形成済の全地域活動協議会について、ステージ１の項目を全て達成の他、ステージ２・３の各項目のうち、１１項目を達成
</t>
    <phoneticPr fontId="1"/>
  </si>
  <si>
    <t>・平成３０年度末までに「自律的運営に向けた地域活動協議会の取組（イメージ）」におけるステージ１・ステージ２の各項目を達成。</t>
    <rPh sb="1" eb="3">
      <t>ヘイセイ</t>
    </rPh>
    <phoneticPr fontId="1"/>
  </si>
  <si>
    <t>　各地域が、世代を超えて住民や企業、団体等が幅広く参加・参画することにより、担い手や後継者不足を解消し、民主的、自主的、自律的にまちづくりを進めていく。</t>
    <rPh sb="22" eb="24">
      <t>ハバヒロ</t>
    </rPh>
    <rPh sb="38" eb="39">
      <t>ニナ</t>
    </rPh>
    <rPh sb="40" eb="41">
      <t>テ</t>
    </rPh>
    <rPh sb="42" eb="45">
      <t>コウケイシャ</t>
    </rPh>
    <rPh sb="45" eb="47">
      <t>ブソク</t>
    </rPh>
    <rPh sb="48" eb="50">
      <t>カイショウ</t>
    </rPh>
    <rPh sb="60" eb="62">
      <t>ジリツ</t>
    </rPh>
    <rPh sb="62" eb="63">
      <t>テキ</t>
    </rPh>
    <phoneticPr fontId="1"/>
  </si>
  <si>
    <t>・地域活動協議会の認知度アップに向けて、情報発信等の支援を行う。</t>
    <rPh sb="9" eb="12">
      <t>ニンチド</t>
    </rPh>
    <rPh sb="16" eb="17">
      <t>ム</t>
    </rPh>
    <phoneticPr fontId="1"/>
  </si>
  <si>
    <t>・新たな担い手の発掘、養成に力を入れて取り組む。
　</t>
    <rPh sb="14" eb="15">
      <t>チカラ</t>
    </rPh>
    <rPh sb="16" eb="17">
      <t>イ</t>
    </rPh>
    <rPh sb="19" eb="20">
      <t>ト</t>
    </rPh>
    <rPh sb="21" eb="22">
      <t>ク</t>
    </rPh>
    <phoneticPr fontId="1"/>
  </si>
  <si>
    <t>【現在の状況】
皆さんの地域において、自律的な地域運営に取り組めるようになっていると思いますか。
（問４）
   平成２９年度期末  ６１．８％
　 ①そう思う　　　　 　１６．８％ 　　　　　　　　　　　　　 　　  ＋②ややそう思う　    ４５．０％
　 平成２８年度期末　５１．４％
   ①そう思う　　　　　 ２２．７％ 
＋②ややそう思う　　 ２８．７％</t>
    <rPh sb="57" eb="59">
      <t>ヘイセイ</t>
    </rPh>
    <rPh sb="61" eb="63">
      <t>ネンド</t>
    </rPh>
    <rPh sb="63" eb="65">
      <t>キマツ</t>
    </rPh>
    <rPh sb="132" eb="134">
      <t>ヘイセイ</t>
    </rPh>
    <rPh sb="136" eb="138">
      <t>ネンド</t>
    </rPh>
    <rPh sb="138" eb="140">
      <t>キマツ</t>
    </rPh>
    <phoneticPr fontId="1"/>
  </si>
  <si>
    <t>【現在の状況】
まちづくりセンター等の支援について満足していますか。
  （問１）
　　平成２９年度期末  ５７．５％
 　①そう思う　　　　　    ８．０％ 
＋②ややそう思う　     ４９．５％ 
　 平成２８年度期末 　７２．０％
   ①そう思う　            ３７．９％
＋②ややそう思う　     ３４．１％</t>
    <rPh sb="17" eb="18">
      <t>トウ</t>
    </rPh>
    <rPh sb="19" eb="21">
      <t>シエン</t>
    </rPh>
    <rPh sb="25" eb="27">
      <t>マンゾク</t>
    </rPh>
    <rPh sb="50" eb="52">
      <t>キマツ</t>
    </rPh>
    <phoneticPr fontId="1"/>
  </si>
  <si>
    <t>【城東　区】（受託者等：社会福祉法人　大阪市城東区社会福祉協議会）</t>
    <rPh sb="1" eb="2">
      <t>シロ</t>
    </rPh>
    <rPh sb="2" eb="3">
      <t>ヒガシ</t>
    </rPh>
    <rPh sb="4" eb="5">
      <t>ク</t>
    </rPh>
    <rPh sb="12" eb="14">
      <t>シャカイ</t>
    </rPh>
    <rPh sb="14" eb="16">
      <t>フクシ</t>
    </rPh>
    <rPh sb="16" eb="18">
      <t>ホウジン</t>
    </rPh>
    <rPh sb="19" eb="22">
      <t>オオサカシ</t>
    </rPh>
    <rPh sb="22" eb="25">
      <t>ジョウトウク</t>
    </rPh>
    <rPh sb="25" eb="27">
      <t>シャカイ</t>
    </rPh>
    <rPh sb="27" eb="29">
      <t>フクシ</t>
    </rPh>
    <rPh sb="29" eb="32">
      <t>キョウギカイ</t>
    </rPh>
    <phoneticPr fontId="1"/>
  </si>
  <si>
    <t>・区内に５つの河川があり、南海トラフ大地震発生時の津波による浸水や近年の大雨や大型台風による河川氾濫、内水氾濫における被害を想定した対応が必要であり、防災に対する住民の関心が高い。
・５河川の中でも寝屋川・第２寝屋川は区内を大きく南北に横断しており、橋を渡る際の勾配も急であることから往来の妨げになっており、区役所までの移動が不便であると言う意見も多い。</t>
    <rPh sb="1" eb="3">
      <t>クナイ</t>
    </rPh>
    <rPh sb="7" eb="9">
      <t>カセン</t>
    </rPh>
    <rPh sb="13" eb="15">
      <t>ナンカイ</t>
    </rPh>
    <rPh sb="39" eb="41">
      <t>オオガタ</t>
    </rPh>
    <rPh sb="41" eb="43">
      <t>タイフウ</t>
    </rPh>
    <rPh sb="75" eb="77">
      <t>ボウサイ</t>
    </rPh>
    <rPh sb="78" eb="79">
      <t>タイ</t>
    </rPh>
    <rPh sb="93" eb="95">
      <t>カセン</t>
    </rPh>
    <rPh sb="96" eb="97">
      <t>ナカ</t>
    </rPh>
    <rPh sb="99" eb="102">
      <t>ネヤガワ</t>
    </rPh>
    <rPh sb="103" eb="104">
      <t>ダイ</t>
    </rPh>
    <rPh sb="105" eb="108">
      <t>ネヤガワ</t>
    </rPh>
    <rPh sb="109" eb="111">
      <t>クナイ</t>
    </rPh>
    <rPh sb="112" eb="113">
      <t>オオ</t>
    </rPh>
    <rPh sb="115" eb="117">
      <t>ナンボク</t>
    </rPh>
    <rPh sb="118" eb="120">
      <t>オウダン</t>
    </rPh>
    <rPh sb="125" eb="126">
      <t>ハシ</t>
    </rPh>
    <rPh sb="127" eb="128">
      <t>ワタ</t>
    </rPh>
    <rPh sb="129" eb="130">
      <t>サイ</t>
    </rPh>
    <rPh sb="131" eb="133">
      <t>コウバイ</t>
    </rPh>
    <rPh sb="134" eb="135">
      <t>キュウ</t>
    </rPh>
    <rPh sb="142" eb="144">
      <t>オウライ</t>
    </rPh>
    <rPh sb="145" eb="146">
      <t>サマタ</t>
    </rPh>
    <rPh sb="154" eb="157">
      <t>クヤクショ</t>
    </rPh>
    <rPh sb="160" eb="162">
      <t>イドウ</t>
    </rPh>
    <rPh sb="163" eb="165">
      <t>フベン</t>
    </rPh>
    <rPh sb="169" eb="170">
      <t>イ</t>
    </rPh>
    <rPh sb="171" eb="173">
      <t>イケン</t>
    </rPh>
    <rPh sb="174" eb="175">
      <t>オオ</t>
    </rPh>
    <phoneticPr fontId="1"/>
  </si>
  <si>
    <t>　各地域で、世代を超えた住民や様々な活動団体が幅広く参加・参画、連携することによって、様々な地域課題解決に取り組み、新たな担い手（後継者）が生まれ、民主的、自主的、自律的にまちづくりが運営されている状態。</t>
    <rPh sb="15" eb="17">
      <t>サマザマ</t>
    </rPh>
    <rPh sb="18" eb="20">
      <t>カツドウ</t>
    </rPh>
    <rPh sb="20" eb="22">
      <t>ダンタイ</t>
    </rPh>
    <rPh sb="32" eb="34">
      <t>レンケイ</t>
    </rPh>
    <rPh sb="43" eb="45">
      <t>サマザマ</t>
    </rPh>
    <rPh sb="46" eb="48">
      <t>チイキ</t>
    </rPh>
    <rPh sb="48" eb="50">
      <t>カダイ</t>
    </rPh>
    <rPh sb="50" eb="52">
      <t>カイケツ</t>
    </rPh>
    <rPh sb="53" eb="54">
      <t>ト</t>
    </rPh>
    <rPh sb="55" eb="56">
      <t>ク</t>
    </rPh>
    <rPh sb="58" eb="59">
      <t>アラ</t>
    </rPh>
    <rPh sb="65" eb="68">
      <t>コウケイシャ</t>
    </rPh>
    <rPh sb="70" eb="71">
      <t>ウ</t>
    </rPh>
    <rPh sb="92" eb="94">
      <t>ウンエイ</t>
    </rPh>
    <phoneticPr fontId="1"/>
  </si>
  <si>
    <t>・地域活動協議会と様々な活動主体との連携・協働については、病院や包括支援センター、小中学校とは進んでいるが、企業やＮＰＯとの連携は少ないため、昨年度からまちづくりセンターが「企業・ＮＰＯ・学校・地域交流会」を開催をし、テーマを「防災」に設定してマッチングを進めている。引き続き今年度も開催する。</t>
    <rPh sb="65" eb="66">
      <t>スク</t>
    </rPh>
    <rPh sb="71" eb="74">
      <t>サクネンド</t>
    </rPh>
    <rPh sb="87" eb="89">
      <t>キギョウ</t>
    </rPh>
    <rPh sb="94" eb="96">
      <t>ガッコウ</t>
    </rPh>
    <rPh sb="97" eb="99">
      <t>チイキ</t>
    </rPh>
    <rPh sb="99" eb="102">
      <t>コウリュウカイ</t>
    </rPh>
    <rPh sb="104" eb="106">
      <t>カイサイ</t>
    </rPh>
    <rPh sb="118" eb="120">
      <t>セッテイ</t>
    </rPh>
    <rPh sb="134" eb="135">
      <t>ヒ</t>
    </rPh>
    <rPh sb="136" eb="137">
      <t>ツヅ</t>
    </rPh>
    <rPh sb="138" eb="141">
      <t>コンネンド</t>
    </rPh>
    <rPh sb="142" eb="144">
      <t>カイサイ</t>
    </rPh>
    <phoneticPr fontId="1"/>
  </si>
  <si>
    <t>【現在の状況】
上記２のとおり、
ステージ１は概ね達成しているが、ステージ２のうち、
・法人格の取得
・地域公共人材の活用
・区の独自取組：ＣＢ／ＳＢの実施のほか、
・構成団体以外との連携・協働
・議事録、会計情報の周知
については、順調でない。</t>
    <rPh sb="8" eb="10">
      <t>ジョウキ</t>
    </rPh>
    <rPh sb="23" eb="24">
      <t>オオム</t>
    </rPh>
    <rPh sb="25" eb="27">
      <t>タッセイ</t>
    </rPh>
    <rPh sb="84" eb="86">
      <t>コウセイ</t>
    </rPh>
    <rPh sb="86" eb="88">
      <t>ダンタイ</t>
    </rPh>
    <rPh sb="88" eb="90">
      <t>イガイ</t>
    </rPh>
    <rPh sb="92" eb="94">
      <t>レンケイ</t>
    </rPh>
    <rPh sb="95" eb="97">
      <t>キョウドウ</t>
    </rPh>
    <rPh sb="99" eb="102">
      <t>ギジロク</t>
    </rPh>
    <rPh sb="103" eb="105">
      <t>カイケイ</t>
    </rPh>
    <rPh sb="105" eb="107">
      <t>ジョウホウ</t>
    </rPh>
    <rPh sb="108" eb="110">
      <t>シュウチ</t>
    </rPh>
    <phoneticPr fontId="1"/>
  </si>
  <si>
    <t>・地域運営における世代間継承がスムーズに出来るように、まちづくりセンターと区社協「城東区ボランティア・市民活動センター」との連携によって新たな担い手、人材の発掘に取組む。</t>
    <rPh sb="41" eb="44">
      <t>ジョウトウク</t>
    </rPh>
    <rPh sb="68" eb="69">
      <t>アラ</t>
    </rPh>
    <rPh sb="71" eb="72">
      <t>ニナ</t>
    </rPh>
    <rPh sb="73" eb="74">
      <t>テ</t>
    </rPh>
    <phoneticPr fontId="1"/>
  </si>
  <si>
    <t>・過去２年間で全１６地域で自発的に開催されてきた「情報交換会」を引き続き開催し、今年度は「会計」をテーマとし、会計担当者の相互交流が図れるようにワークショップ形式で開催する。</t>
    <rPh sb="1" eb="3">
      <t>カコ</t>
    </rPh>
    <rPh sb="32" eb="33">
      <t>ヒ</t>
    </rPh>
    <rPh sb="34" eb="35">
      <t>ツヅ</t>
    </rPh>
    <rPh sb="36" eb="38">
      <t>カイサイ</t>
    </rPh>
    <rPh sb="40" eb="43">
      <t>コンネンド</t>
    </rPh>
    <rPh sb="45" eb="47">
      <t>カイケイ</t>
    </rPh>
    <rPh sb="55" eb="57">
      <t>カイケイ</t>
    </rPh>
    <rPh sb="57" eb="60">
      <t>タントウシャ</t>
    </rPh>
    <rPh sb="79" eb="81">
      <t>ケイシキ</t>
    </rPh>
    <rPh sb="82" eb="84">
      <t>カイサイ</t>
    </rPh>
    <phoneticPr fontId="1"/>
  </si>
  <si>
    <t>・区役所として、地域活動協議会の情報発信促進に向けて、区ＨＰと各地域のＳＮＳやＨＰとのリンク、区ＨＰや区広報誌での地域活動紹介や参加促進、各地域の広報紙等の配架など、情報発信の支援を行なう。</t>
    <rPh sb="1" eb="4">
      <t>クヤクショ</t>
    </rPh>
    <rPh sb="20" eb="22">
      <t>ソクシン</t>
    </rPh>
    <rPh sb="57" eb="59">
      <t>チイキ</t>
    </rPh>
    <rPh sb="83" eb="85">
      <t>ジョウホウ</t>
    </rPh>
    <rPh sb="85" eb="87">
      <t>ハッシン</t>
    </rPh>
    <phoneticPr fontId="1"/>
  </si>
  <si>
    <t xml:space="preserve">【現在の状況】
１）達成＝◎印を達成とした場合
・達   成：　０地域
・未達成：１６地域
２）◎と○印の両方を「達成」と見なした場合
・ステージ１の２１項目中、１８項目を達成している。
  ステージ２の１５項目中、６項目を達成している。
　ステージ３の１３項目中、達成は０項目。
</t>
    <rPh sb="10" eb="12">
      <t>タッセイ</t>
    </rPh>
    <rPh sb="14" eb="15">
      <t>シルシ</t>
    </rPh>
    <rPh sb="16" eb="18">
      <t>タッセイ</t>
    </rPh>
    <rPh sb="21" eb="23">
      <t>バアイ</t>
    </rPh>
    <rPh sb="52" eb="53">
      <t>シルシ</t>
    </rPh>
    <rPh sb="54" eb="56">
      <t>リョウホウ</t>
    </rPh>
    <rPh sb="58" eb="60">
      <t>タッセイ</t>
    </rPh>
    <rPh sb="62" eb="63">
      <t>ミ</t>
    </rPh>
    <rPh sb="66" eb="68">
      <t>バアイ</t>
    </rPh>
    <rPh sb="78" eb="80">
      <t>コウモク</t>
    </rPh>
    <rPh sb="80" eb="81">
      <t>チュウ</t>
    </rPh>
    <rPh sb="84" eb="86">
      <t>コウモク</t>
    </rPh>
    <rPh sb="87" eb="89">
      <t>タッセイ</t>
    </rPh>
    <rPh sb="105" eb="107">
      <t>コウモク</t>
    </rPh>
    <rPh sb="107" eb="108">
      <t>チュウ</t>
    </rPh>
    <rPh sb="110" eb="112">
      <t>コウモク</t>
    </rPh>
    <rPh sb="113" eb="115">
      <t>タッセイ</t>
    </rPh>
    <rPh sb="134" eb="136">
      <t>タッセイ</t>
    </rPh>
    <phoneticPr fontId="1"/>
  </si>
  <si>
    <t>状況４－１
状況４－２</t>
    <rPh sb="0" eb="2">
      <t>ジョウキョウ</t>
    </rPh>
    <rPh sb="6" eb="8">
      <t>ジョウキョウ</t>
    </rPh>
    <phoneticPr fontId="1"/>
  </si>
  <si>
    <t>状況４－１
状況４－２</t>
    <phoneticPr fontId="1"/>
  </si>
  <si>
    <t>状況４－１
状況４－２</t>
    <phoneticPr fontId="1"/>
  </si>
  <si>
    <t>アンケート</t>
    <phoneticPr fontId="1"/>
  </si>
  <si>
    <t>校区等地域において、様々な活動主体が協働し、その話し合いのもと合意を形成し、自ら地域課題の解決に取り組むなど、地域が自律的に運営されていると感じている割合
　５０％以上</t>
    <phoneticPr fontId="1"/>
  </si>
  <si>
    <t>地域活動協議会が課題やニーズに応じて中間支援組織から支援を受けていると感じている割合　５０％以上</t>
    <phoneticPr fontId="1"/>
  </si>
  <si>
    <t>・各地域担当の区役所職員が積極的に地域活動に参加し、地域活動の進捗状況を把握、確認しており、気づいた点や意見は市民協働課で取りまとめしてまちづくりセンターに伝え、連携して地域を支援する。
　</t>
    <rPh sb="13" eb="16">
      <t>セッキョクテキ</t>
    </rPh>
    <rPh sb="17" eb="19">
      <t>チイキ</t>
    </rPh>
    <rPh sb="19" eb="21">
      <t>カツドウ</t>
    </rPh>
    <rPh sb="22" eb="24">
      <t>サンカ</t>
    </rPh>
    <rPh sb="31" eb="33">
      <t>シンチョク</t>
    </rPh>
    <rPh sb="33" eb="35">
      <t>ジョウキョウ</t>
    </rPh>
    <rPh sb="36" eb="38">
      <t>ハアク</t>
    </rPh>
    <rPh sb="39" eb="41">
      <t>カクニン</t>
    </rPh>
    <rPh sb="46" eb="47">
      <t>キ</t>
    </rPh>
    <rPh sb="50" eb="51">
      <t>テン</t>
    </rPh>
    <rPh sb="52" eb="54">
      <t>イケン</t>
    </rPh>
    <rPh sb="55" eb="57">
      <t>シミン</t>
    </rPh>
    <rPh sb="57" eb="59">
      <t>キョウドウ</t>
    </rPh>
    <rPh sb="59" eb="60">
      <t>カ</t>
    </rPh>
    <rPh sb="61" eb="62">
      <t>ト</t>
    </rPh>
    <rPh sb="78" eb="79">
      <t>ツタ</t>
    </rPh>
    <rPh sb="81" eb="83">
      <t>レンケイ</t>
    </rPh>
    <rPh sb="85" eb="87">
      <t>チイキ</t>
    </rPh>
    <rPh sb="88" eb="90">
      <t>シエン</t>
    </rPh>
    <phoneticPr fontId="1"/>
  </si>
  <si>
    <r>
      <rPr>
        <sz val="10"/>
        <color theme="1"/>
        <rFont val="ＭＳ Ｐ明朝"/>
        <family val="1"/>
        <charset val="128"/>
      </rPr>
      <t>・地域ごとの自律運営の進捗度合いの差は少し狭まってきている。
・会計処理は支援員の支援なしでほぼできる地域が昨年よりさらに増えたが、役員改選により、会計担当が後退したところでは、再度研修会を開催するなどサポートをしている。
・高齢化が地域の役員にも進んできており、後継者の育成が急務。　
・高齢化が進み、町会加入率も３０％台まで落ち込んでる地域では、活動費補助金の２５％自己負担が困難になってきており、補助金を使い切れなくなってきていることから、コミュニティ回収・広報誌配付事業の説明を行い、間接的な財政的支援ができるように支援している。
　その一方で、地域の活動が盛んになっている地域では、活動資金に不足が生じ、予算の増額を要望する地域がいくつか出てきている。この動きをＣＢ／ＳＢに結び付けていくことが重要であり、コミュニティ回収を地域に対して説明した。改めて、他区の実施している地域の会長を講師に呼んで、率直な話を聞いていただく中で、自主的に取り組んでもらえるように進めている。担い手不足と区役所からの「やらされ感」を解消することが課題。
・総会、運営委員会で意思決定された議事録や決算報告を広報することについて、一部の地域ではまだ抵抗感がある。会計の透明性を高め、活動を広く知らしめることが新たな人材の確保につながり、一層の活性化につながることを理解してもらえるように、引き続き粘り強く説明していく。</t>
    </r>
    <r>
      <rPr>
        <sz val="10"/>
        <color rgb="FFFF0000"/>
        <rFont val="ＭＳ Ｐ明朝"/>
        <family val="1"/>
        <charset val="128"/>
      </rPr>
      <t xml:space="preserve">
</t>
    </r>
    <r>
      <rPr>
        <sz val="10"/>
        <color theme="1"/>
        <rFont val="ＭＳ Ｐ明朝"/>
        <family val="1"/>
        <charset val="128"/>
      </rPr>
      <t>・現在、１６地域中、１５地域で広報紙の作成が完了。残る１地域の作成に向け、支援を続ける。</t>
    </r>
    <rPh sb="1" eb="3">
      <t>チイキ</t>
    </rPh>
    <rPh sb="6" eb="8">
      <t>ジリツ</t>
    </rPh>
    <rPh sb="8" eb="10">
      <t>ウンエイ</t>
    </rPh>
    <rPh sb="11" eb="13">
      <t>シンチョク</t>
    </rPh>
    <rPh sb="13" eb="15">
      <t>ドア</t>
    </rPh>
    <rPh sb="17" eb="18">
      <t>サ</t>
    </rPh>
    <rPh sb="19" eb="20">
      <t>スコ</t>
    </rPh>
    <rPh sb="21" eb="22">
      <t>セバ</t>
    </rPh>
    <rPh sb="32" eb="34">
      <t>カイケイ</t>
    </rPh>
    <rPh sb="34" eb="36">
      <t>ショリ</t>
    </rPh>
    <rPh sb="37" eb="39">
      <t>シエン</t>
    </rPh>
    <rPh sb="39" eb="40">
      <t>イン</t>
    </rPh>
    <rPh sb="41" eb="43">
      <t>シエン</t>
    </rPh>
    <rPh sb="51" eb="53">
      <t>チイキ</t>
    </rPh>
    <rPh sb="54" eb="56">
      <t>サクネン</t>
    </rPh>
    <rPh sb="61" eb="62">
      <t>フ</t>
    </rPh>
    <rPh sb="66" eb="68">
      <t>ヤクイン</t>
    </rPh>
    <rPh sb="68" eb="70">
      <t>カイセン</t>
    </rPh>
    <rPh sb="74" eb="76">
      <t>カイケイ</t>
    </rPh>
    <rPh sb="76" eb="78">
      <t>タントウ</t>
    </rPh>
    <rPh sb="79" eb="81">
      <t>コウタイ</t>
    </rPh>
    <rPh sb="89" eb="91">
      <t>サイド</t>
    </rPh>
    <rPh sb="91" eb="94">
      <t>ケンシュウカイ</t>
    </rPh>
    <rPh sb="95" eb="97">
      <t>カイサイ</t>
    </rPh>
    <rPh sb="113" eb="116">
      <t>コウレイカ</t>
    </rPh>
    <rPh sb="117" eb="119">
      <t>チイキ</t>
    </rPh>
    <rPh sb="120" eb="122">
      <t>ヤクイン</t>
    </rPh>
    <rPh sb="124" eb="125">
      <t>スス</t>
    </rPh>
    <rPh sb="132" eb="135">
      <t>コウケイシャ</t>
    </rPh>
    <rPh sb="136" eb="138">
      <t>イクセイ</t>
    </rPh>
    <rPh sb="139" eb="141">
      <t>キュウム</t>
    </rPh>
    <rPh sb="229" eb="231">
      <t>カイシュウ</t>
    </rPh>
    <rPh sb="232" eb="235">
      <t>コウホウシ</t>
    </rPh>
    <rPh sb="235" eb="237">
      <t>ハイフ</t>
    </rPh>
    <rPh sb="237" eb="239">
      <t>ジギョウ</t>
    </rPh>
    <rPh sb="240" eb="242">
      <t>セツメイ</t>
    </rPh>
    <rPh sb="243" eb="244">
      <t>オコナ</t>
    </rPh>
    <rPh sb="246" eb="249">
      <t>カンセツテキ</t>
    </rPh>
    <rPh sb="250" eb="253">
      <t>ザイセイテキ</t>
    </rPh>
    <rPh sb="253" eb="255">
      <t>シエン</t>
    </rPh>
    <rPh sb="262" eb="264">
      <t>シエン</t>
    </rPh>
    <rPh sb="273" eb="275">
      <t>イッポウ</t>
    </rPh>
    <rPh sb="277" eb="279">
      <t>チイキ</t>
    </rPh>
    <rPh sb="280" eb="282">
      <t>カツドウ</t>
    </rPh>
    <rPh sb="283" eb="284">
      <t>サカ</t>
    </rPh>
    <rPh sb="291" eb="293">
      <t>チイキ</t>
    </rPh>
    <rPh sb="296" eb="298">
      <t>カツドウ</t>
    </rPh>
    <rPh sb="298" eb="300">
      <t>シキン</t>
    </rPh>
    <rPh sb="304" eb="305">
      <t>ショウ</t>
    </rPh>
    <rPh sb="307" eb="309">
      <t>ヨサン</t>
    </rPh>
    <rPh sb="310" eb="312">
      <t>ゾウガク</t>
    </rPh>
    <rPh sb="313" eb="315">
      <t>ヨウボウ</t>
    </rPh>
    <rPh sb="317" eb="319">
      <t>チイキ</t>
    </rPh>
    <rPh sb="324" eb="325">
      <t>デ</t>
    </rPh>
    <rPh sb="333" eb="334">
      <t>ウゴ</t>
    </rPh>
    <rPh sb="342" eb="343">
      <t>ムス</t>
    </rPh>
    <rPh sb="344" eb="345">
      <t>ツ</t>
    </rPh>
    <rPh sb="352" eb="354">
      <t>ジュウヨウ</t>
    </rPh>
    <rPh sb="364" eb="366">
      <t>カイシュウ</t>
    </rPh>
    <rPh sb="370" eb="371">
      <t>タイ</t>
    </rPh>
    <rPh sb="373" eb="375">
      <t>セツメイ</t>
    </rPh>
    <rPh sb="378" eb="379">
      <t>アラタ</t>
    </rPh>
    <rPh sb="382" eb="384">
      <t>タク</t>
    </rPh>
    <rPh sb="385" eb="387">
      <t>ジッシ</t>
    </rPh>
    <rPh sb="391" eb="393">
      <t>チイキ</t>
    </rPh>
    <rPh sb="394" eb="396">
      <t>カイチョウ</t>
    </rPh>
    <rPh sb="397" eb="399">
      <t>コウシ</t>
    </rPh>
    <rPh sb="400" eb="401">
      <t>ヨ</t>
    </rPh>
    <rPh sb="404" eb="406">
      <t>ソッチョク</t>
    </rPh>
    <rPh sb="407" eb="408">
      <t>ハナシ</t>
    </rPh>
    <rPh sb="409" eb="410">
      <t>キ</t>
    </rPh>
    <rPh sb="416" eb="417">
      <t>ナカ</t>
    </rPh>
    <rPh sb="419" eb="422">
      <t>ジシュテキ</t>
    </rPh>
    <rPh sb="423" eb="424">
      <t>ト</t>
    </rPh>
    <rPh sb="425" eb="426">
      <t>ク</t>
    </rPh>
    <rPh sb="435" eb="436">
      <t>スス</t>
    </rPh>
    <rPh sb="441" eb="442">
      <t>ニナ</t>
    </rPh>
    <rPh sb="443" eb="444">
      <t>テ</t>
    </rPh>
    <rPh sb="444" eb="446">
      <t>ブソク</t>
    </rPh>
    <rPh sb="447" eb="448">
      <t>ク</t>
    </rPh>
    <rPh sb="448" eb="450">
      <t>ヤクショ</t>
    </rPh>
    <rPh sb="458" eb="459">
      <t>カン</t>
    </rPh>
    <rPh sb="461" eb="463">
      <t>カイショウ</t>
    </rPh>
    <rPh sb="468" eb="470">
      <t>カダイ</t>
    </rPh>
    <rPh sb="473" eb="475">
      <t>ソウカイ</t>
    </rPh>
    <rPh sb="476" eb="478">
      <t>ウンエイ</t>
    </rPh>
    <rPh sb="478" eb="481">
      <t>イインカイ</t>
    </rPh>
    <rPh sb="482" eb="484">
      <t>イシ</t>
    </rPh>
    <rPh sb="484" eb="486">
      <t>ケッテイ</t>
    </rPh>
    <rPh sb="489" eb="492">
      <t>ギジロク</t>
    </rPh>
    <rPh sb="493" eb="495">
      <t>ケッサン</t>
    </rPh>
    <rPh sb="495" eb="497">
      <t>ホウコク</t>
    </rPh>
    <rPh sb="498" eb="500">
      <t>コウホウ</t>
    </rPh>
    <rPh sb="509" eb="511">
      <t>イチブ</t>
    </rPh>
    <rPh sb="512" eb="514">
      <t>チイキ</t>
    </rPh>
    <rPh sb="518" eb="521">
      <t>テイコウカン</t>
    </rPh>
    <rPh sb="525" eb="527">
      <t>カイケイ</t>
    </rPh>
    <rPh sb="528" eb="531">
      <t>トウメイセイ</t>
    </rPh>
    <rPh sb="532" eb="533">
      <t>タカ</t>
    </rPh>
    <rPh sb="535" eb="537">
      <t>カツドウ</t>
    </rPh>
    <rPh sb="538" eb="539">
      <t>ヒロ</t>
    </rPh>
    <rPh sb="540" eb="541">
      <t>シ</t>
    </rPh>
    <rPh sb="548" eb="549">
      <t>アラ</t>
    </rPh>
    <rPh sb="551" eb="553">
      <t>ジンザイ</t>
    </rPh>
    <rPh sb="554" eb="556">
      <t>カクホ</t>
    </rPh>
    <rPh sb="562" eb="564">
      <t>イッソウ</t>
    </rPh>
    <rPh sb="565" eb="568">
      <t>カッセイカ</t>
    </rPh>
    <rPh sb="576" eb="578">
      <t>リカイ</t>
    </rPh>
    <rPh sb="588" eb="589">
      <t>ヒ</t>
    </rPh>
    <rPh sb="590" eb="591">
      <t>ツヅ</t>
    </rPh>
    <rPh sb="592" eb="593">
      <t>ネバ</t>
    </rPh>
    <rPh sb="594" eb="595">
      <t>ヅヨ</t>
    </rPh>
    <rPh sb="596" eb="598">
      <t>セツメイ</t>
    </rPh>
    <rPh sb="605" eb="607">
      <t>ゲンザイ</t>
    </rPh>
    <rPh sb="610" eb="613">
      <t>チイキチュウ</t>
    </rPh>
    <rPh sb="616" eb="618">
      <t>チイキ</t>
    </rPh>
    <rPh sb="635" eb="637">
      <t>サクセイ</t>
    </rPh>
    <rPh sb="638" eb="639">
      <t>ム</t>
    </rPh>
    <rPh sb="641" eb="643">
      <t>シエン</t>
    </rPh>
    <rPh sb="644" eb="645">
      <t>ツヅ</t>
    </rPh>
    <phoneticPr fontId="1"/>
  </si>
  <si>
    <t xml:space="preserve">・人口、世帯数は、ここしばらくほぼ横ばいで推移していたが、再び緩やかに増加傾向にある。
・人口密度が２４区中１位（全国４位）、住民一人当たりの公園面積は２４区で一番少ない。
・少子高齢化が進んでいるが、地域格差が大きい。
・来春「おおさか東線」開通・新駅の開設もあり、マンションの建設が続いている。
・大きなマンションが建つと子育て世代が急激に増え、保育所や学校運営に影響が出る状況にある。
・昨年度と比べて平成３０年度の待機児童数は大幅に改善されたが、まだ２４区で２番目に多い。
・マンション住民と在来の平屋住民間の地域コミュニティにギャップが生じている。
・古い街並みが残る地域では、空家・老朽家屋への対策が必要になってきている。
・認知症対策が課題の一つになっており、高齢者の徘徊、迷子の防止に取り組む地域が出てきている。
・地域活動の担い手が不足している。
</t>
    <rPh sb="29" eb="30">
      <t>フタタ</t>
    </rPh>
    <rPh sb="31" eb="32">
      <t>ユル</t>
    </rPh>
    <rPh sb="45" eb="47">
      <t>ジンコウ</t>
    </rPh>
    <rPh sb="47" eb="49">
      <t>ミツド</t>
    </rPh>
    <rPh sb="52" eb="53">
      <t>ク</t>
    </rPh>
    <rPh sb="53" eb="54">
      <t>チュウ</t>
    </rPh>
    <rPh sb="55" eb="56">
      <t>イ</t>
    </rPh>
    <rPh sb="57" eb="59">
      <t>ゼンコク</t>
    </rPh>
    <rPh sb="60" eb="61">
      <t>イ</t>
    </rPh>
    <rPh sb="63" eb="65">
      <t>ジュウミン</t>
    </rPh>
    <rPh sb="65" eb="67">
      <t>ヒトリ</t>
    </rPh>
    <rPh sb="67" eb="68">
      <t>ア</t>
    </rPh>
    <rPh sb="71" eb="73">
      <t>コウエン</t>
    </rPh>
    <rPh sb="73" eb="75">
      <t>メンセキ</t>
    </rPh>
    <rPh sb="78" eb="79">
      <t>ク</t>
    </rPh>
    <rPh sb="80" eb="82">
      <t>イチバン</t>
    </rPh>
    <rPh sb="82" eb="83">
      <t>スク</t>
    </rPh>
    <rPh sb="88" eb="90">
      <t>ショウシ</t>
    </rPh>
    <rPh sb="90" eb="93">
      <t>コウレイカ</t>
    </rPh>
    <rPh sb="94" eb="95">
      <t>スス</t>
    </rPh>
    <rPh sb="169" eb="171">
      <t>キュウゲキ</t>
    </rPh>
    <rPh sb="184" eb="186">
      <t>エイキョウ</t>
    </rPh>
    <rPh sb="187" eb="188">
      <t>デ</t>
    </rPh>
    <rPh sb="189" eb="191">
      <t>ジョウキョウ</t>
    </rPh>
    <rPh sb="197" eb="200">
      <t>サクネンド</t>
    </rPh>
    <rPh sb="201" eb="202">
      <t>クラ</t>
    </rPh>
    <rPh sb="204" eb="206">
      <t>ヘイセイ</t>
    </rPh>
    <rPh sb="208" eb="210">
      <t>ネンド</t>
    </rPh>
    <rPh sb="217" eb="219">
      <t>オオハバ</t>
    </rPh>
    <rPh sb="220" eb="222">
      <t>カイゼン</t>
    </rPh>
    <rPh sb="234" eb="236">
      <t>バンメ</t>
    </rPh>
    <rPh sb="247" eb="249">
      <t>ジュウミン</t>
    </rPh>
    <rPh sb="250" eb="252">
      <t>ザイライ</t>
    </rPh>
    <rPh sb="253" eb="255">
      <t>ヒラヤ</t>
    </rPh>
    <rPh sb="255" eb="257">
      <t>ジュウミン</t>
    </rPh>
    <rPh sb="257" eb="258">
      <t>カン</t>
    </rPh>
    <rPh sb="259" eb="261">
      <t>チイキ</t>
    </rPh>
    <rPh sb="273" eb="274">
      <t>ショウ</t>
    </rPh>
    <rPh sb="281" eb="282">
      <t>フル</t>
    </rPh>
    <rPh sb="283" eb="285">
      <t>マチナ</t>
    </rPh>
    <rPh sb="287" eb="288">
      <t>ノコ</t>
    </rPh>
    <rPh sb="289" eb="291">
      <t>チイキ</t>
    </rPh>
    <rPh sb="294" eb="296">
      <t>アキヤ</t>
    </rPh>
    <rPh sb="297" eb="299">
      <t>ロウキュウ</t>
    </rPh>
    <rPh sb="299" eb="301">
      <t>カオク</t>
    </rPh>
    <rPh sb="303" eb="305">
      <t>タイサク</t>
    </rPh>
    <rPh sb="306" eb="308">
      <t>ヒツヨウ</t>
    </rPh>
    <rPh sb="325" eb="327">
      <t>カダイ</t>
    </rPh>
    <rPh sb="328" eb="329">
      <t>ヒト</t>
    </rPh>
    <rPh sb="337" eb="340">
      <t>コウレイシャ</t>
    </rPh>
    <rPh sb="341" eb="343">
      <t>ハイカイ</t>
    </rPh>
    <phoneticPr fontId="1"/>
  </si>
  <si>
    <t>・医療機関や学校、福祉法人以外に、これまで行えていなかった企業や外部団体とも「交流会」を開催して連携を進め、また、広く広報をおこなうことにより、地域事業への新たな参加者を増やし、新たな担い手、人材の発掘に努める。</t>
    <rPh sb="21" eb="22">
      <t>オコナ</t>
    </rPh>
    <rPh sb="39" eb="42">
      <t>コウリュウカイ</t>
    </rPh>
    <rPh sb="44" eb="46">
      <t>カイサイ</t>
    </rPh>
    <rPh sb="96" eb="98">
      <t>ジンザイ</t>
    </rPh>
    <rPh sb="102" eb="103">
      <t>ツト</t>
    </rPh>
    <phoneticPr fontId="1"/>
  </si>
  <si>
    <r>
      <t>【現在の状況】
・ステージ１の「法人格の取得」「地域公共人材の活用」を除く項目について、すべて◎か○
→達成状況：１６地域中１５地域</t>
    </r>
    <r>
      <rPr>
        <sz val="10"/>
        <color rgb="FFFF0000"/>
        <rFont val="ＭＳ Ｐ明朝"/>
        <family val="1"/>
        <charset val="128"/>
      </rPr>
      <t xml:space="preserve">
　</t>
    </r>
    <r>
      <rPr>
        <sz val="10"/>
        <color theme="1"/>
        <rFont val="ＭＳ Ｐ明朝"/>
        <family val="1"/>
        <charset val="128"/>
      </rPr>
      <t>説明：地域活動協議会としての活動が概ね順調に取り組んでいる、もしくは達成できているといえる地域の数。</t>
    </r>
    <r>
      <rPr>
        <sz val="10"/>
        <color rgb="FFFF0000"/>
        <rFont val="ＭＳ Ｐ明朝"/>
        <family val="1"/>
        <charset val="128"/>
      </rPr>
      <t xml:space="preserve">
</t>
    </r>
    <r>
      <rPr>
        <sz val="10"/>
        <color theme="1"/>
        <rFont val="ＭＳ Ｐ明朝"/>
        <family val="1"/>
        <charset val="128"/>
      </rPr>
      <t xml:space="preserve">
・ステージ２の「法人格の取得」「地域公共人材の活用」「区の独自取組」を除く項目について、「△が２つ以下で、その他がすべて◎か○」を満たす地域の数
→達成状況：１６地域中１１地域</t>
    </r>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sz val="9"/>
      <color theme="1"/>
      <name val="ＭＳ Ｐ明朝"/>
      <family val="1"/>
      <charset val="128"/>
    </font>
    <font>
      <sz val="10"/>
      <color theme="1"/>
      <name val="ＭＳ Ｐ明朝"/>
      <family val="1"/>
      <charset val="128"/>
    </font>
    <font>
      <sz val="10"/>
      <color theme="1"/>
      <name val="ＭＳ Ｐゴシック"/>
      <family val="2"/>
      <charset val="128"/>
      <scheme val="minor"/>
    </font>
    <font>
      <sz val="9"/>
      <color theme="1"/>
      <name val="ＭＳ Ｐゴシック"/>
      <family val="2"/>
      <charset val="128"/>
      <scheme val="minor"/>
    </font>
    <font>
      <sz val="10"/>
      <color rgb="FFFF0000"/>
      <name val="ＭＳ Ｐ明朝"/>
      <family val="1"/>
      <charset val="128"/>
    </font>
    <font>
      <sz val="11"/>
      <color rgb="FFFF0000"/>
      <name val="ＭＳ Ｐゴシック"/>
      <family val="2"/>
      <charset val="128"/>
      <scheme val="minor"/>
    </font>
  </fonts>
  <fills count="2">
    <fill>
      <patternFill patternType="none"/>
    </fill>
    <fill>
      <patternFill patternType="gray125"/>
    </fill>
  </fills>
  <borders count="57">
    <border>
      <left/>
      <right/>
      <top/>
      <bottom/>
      <diagonal/>
    </border>
    <border>
      <left style="hair">
        <color auto="1"/>
      </left>
      <right style="thin">
        <color auto="1"/>
      </right>
      <top style="hair">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style="hair">
        <color auto="1"/>
      </left>
      <right style="hair">
        <color auto="1"/>
      </right>
      <top style="hair">
        <color auto="1"/>
      </top>
      <bottom style="hair">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hair">
        <color auto="1"/>
      </top>
      <bottom style="hair">
        <color auto="1"/>
      </bottom>
      <diagonal/>
    </border>
    <border>
      <left style="thin">
        <color auto="1"/>
      </left>
      <right style="medium">
        <color auto="1"/>
      </right>
      <top style="medium">
        <color auto="1"/>
      </top>
      <bottom style="thin">
        <color auto="1"/>
      </bottom>
      <diagonal/>
    </border>
    <border>
      <left style="thin">
        <color auto="1"/>
      </left>
      <right style="medium">
        <color auto="1"/>
      </right>
      <top style="thin">
        <color auto="1"/>
      </top>
      <bottom style="hair">
        <color auto="1"/>
      </bottom>
      <diagonal/>
    </border>
    <border>
      <left style="thin">
        <color auto="1"/>
      </left>
      <right style="medium">
        <color auto="1"/>
      </right>
      <top style="hair">
        <color auto="1"/>
      </top>
      <bottom style="hair">
        <color auto="1"/>
      </bottom>
      <diagonal/>
    </border>
    <border>
      <left style="thin">
        <color auto="1"/>
      </left>
      <right style="medium">
        <color auto="1"/>
      </right>
      <top style="hair">
        <color auto="1"/>
      </top>
      <bottom style="thin">
        <color auto="1"/>
      </bottom>
      <diagonal/>
    </border>
    <border>
      <left/>
      <right/>
      <top/>
      <bottom style="hair">
        <color auto="1"/>
      </bottom>
      <diagonal/>
    </border>
    <border>
      <left/>
      <right style="thin">
        <color auto="1"/>
      </right>
      <top/>
      <bottom style="hair">
        <color auto="1"/>
      </bottom>
      <diagonal/>
    </border>
    <border>
      <left style="thin">
        <color auto="1"/>
      </left>
      <right style="medium">
        <color auto="1"/>
      </right>
      <top/>
      <bottom style="hair">
        <color auto="1"/>
      </bottom>
      <diagonal/>
    </border>
    <border>
      <left/>
      <right/>
      <top/>
      <bottom style="thin">
        <color indexed="64"/>
      </bottom>
      <diagonal/>
    </border>
    <border>
      <left/>
      <right style="thin">
        <color indexed="64"/>
      </right>
      <top/>
      <bottom/>
      <diagonal/>
    </border>
    <border>
      <left style="medium">
        <color auto="1"/>
      </left>
      <right/>
      <top/>
      <bottom/>
      <diagonal/>
    </border>
    <border>
      <left style="thin">
        <color auto="1"/>
      </left>
      <right style="thin">
        <color auto="1"/>
      </right>
      <top style="hair">
        <color auto="1"/>
      </top>
      <bottom/>
      <diagonal/>
    </border>
    <border>
      <left style="thin">
        <color auto="1"/>
      </left>
      <right style="medium">
        <color auto="1"/>
      </right>
      <top style="hair">
        <color auto="1"/>
      </top>
      <bottom/>
      <diagonal/>
    </border>
    <border>
      <left style="medium">
        <color auto="1"/>
      </left>
      <right/>
      <top/>
      <bottom style="thin">
        <color auto="1"/>
      </bottom>
      <diagonal/>
    </border>
    <border>
      <left/>
      <right style="thin">
        <color auto="1"/>
      </right>
      <top/>
      <bottom style="thin">
        <color auto="1"/>
      </bottom>
      <diagonal/>
    </border>
    <border>
      <left style="thin">
        <color auto="1"/>
      </left>
      <right style="thin">
        <color auto="1"/>
      </right>
      <top/>
      <bottom/>
      <diagonal/>
    </border>
    <border>
      <left style="thin">
        <color auto="1"/>
      </left>
      <right style="medium">
        <color auto="1"/>
      </right>
      <top/>
      <bottom/>
      <diagonal/>
    </border>
    <border>
      <left style="medium">
        <color auto="1"/>
      </left>
      <right style="thin">
        <color auto="1"/>
      </right>
      <top style="hair">
        <color auto="1"/>
      </top>
      <bottom/>
      <diagonal/>
    </border>
    <border>
      <left style="medium">
        <color auto="1"/>
      </left>
      <right style="thin">
        <color auto="1"/>
      </right>
      <top/>
      <bottom/>
      <diagonal/>
    </border>
    <border>
      <left style="medium">
        <color auto="1"/>
      </left>
      <right/>
      <top style="thin">
        <color auto="1"/>
      </top>
      <bottom/>
      <diagonal/>
    </border>
    <border>
      <left/>
      <right/>
      <top style="thin">
        <color auto="1"/>
      </top>
      <bottom/>
      <diagonal/>
    </border>
    <border>
      <left/>
      <right style="thin">
        <color indexed="64"/>
      </right>
      <top style="thin">
        <color auto="1"/>
      </top>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auto="1"/>
      </left>
      <right/>
      <top/>
      <bottom style="hair">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style="thin">
        <color auto="1"/>
      </left>
      <right style="medium">
        <color auto="1"/>
      </right>
      <top/>
      <bottom style="medium">
        <color auto="1"/>
      </bottom>
      <diagonal/>
    </border>
    <border>
      <left style="medium">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medium">
        <color auto="1"/>
      </left>
      <right/>
      <top style="thin">
        <color auto="1"/>
      </top>
      <bottom style="thin">
        <color auto="1"/>
      </bottom>
      <diagonal/>
    </border>
    <border>
      <left/>
      <right/>
      <top style="thin">
        <color auto="1"/>
      </top>
      <bottom style="thin">
        <color auto="1"/>
      </bottom>
      <diagonal/>
    </border>
    <border>
      <left/>
      <right style="thin">
        <color indexed="64"/>
      </right>
      <top style="thin">
        <color auto="1"/>
      </top>
      <bottom style="thin">
        <color auto="1"/>
      </bottom>
      <diagonal/>
    </border>
    <border>
      <left style="thin">
        <color auto="1"/>
      </left>
      <right/>
      <top style="thin">
        <color auto="1"/>
      </top>
      <bottom style="thin">
        <color auto="1"/>
      </bottom>
      <diagonal/>
    </border>
    <border>
      <left style="thin">
        <color auto="1"/>
      </left>
      <right/>
      <top style="medium">
        <color auto="1"/>
      </top>
      <bottom style="thin">
        <color auto="1"/>
      </bottom>
      <diagonal/>
    </border>
    <border>
      <left/>
      <right style="thin">
        <color auto="1"/>
      </right>
      <top style="medium">
        <color auto="1"/>
      </top>
      <bottom style="thin">
        <color auto="1"/>
      </bottom>
      <diagonal/>
    </border>
    <border>
      <left style="thin">
        <color auto="1"/>
      </left>
      <right/>
      <top style="thin">
        <color auto="1"/>
      </top>
      <bottom style="hair">
        <color auto="1"/>
      </bottom>
      <diagonal/>
    </border>
    <border>
      <left style="thin">
        <color auto="1"/>
      </left>
      <right/>
      <top style="hair">
        <color auto="1"/>
      </top>
      <bottom style="thin">
        <color auto="1"/>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thin">
        <color auto="1"/>
      </left>
      <right/>
      <top style="hair">
        <color auto="1"/>
      </top>
      <bottom style="medium">
        <color auto="1"/>
      </bottom>
      <diagonal/>
    </border>
    <border>
      <left style="thin">
        <color auto="1"/>
      </left>
      <right style="medium">
        <color auto="1"/>
      </right>
      <top style="thin">
        <color auto="1"/>
      </top>
      <bottom style="thin">
        <color auto="1"/>
      </bottom>
      <diagonal/>
    </border>
    <border>
      <left/>
      <right/>
      <top style="hair">
        <color auto="1"/>
      </top>
      <bottom style="thin">
        <color auto="1"/>
      </bottom>
      <diagonal/>
    </border>
    <border>
      <left style="hair">
        <color auto="1"/>
      </left>
      <right/>
      <top style="hair">
        <color auto="1"/>
      </top>
      <bottom style="hair">
        <color auto="1"/>
      </bottom>
      <diagonal/>
    </border>
    <border>
      <left style="hair">
        <color auto="1"/>
      </left>
      <right/>
      <top style="hair">
        <color auto="1"/>
      </top>
      <bottom/>
      <diagonal/>
    </border>
    <border>
      <left/>
      <right/>
      <top style="hair">
        <color auto="1"/>
      </top>
      <bottom style="medium">
        <color auto="1"/>
      </bottom>
      <diagonal/>
    </border>
  </borders>
  <cellStyleXfs count="1">
    <xf numFmtId="0" fontId="0" fillId="0" borderId="0">
      <alignment vertical="center"/>
    </xf>
  </cellStyleXfs>
  <cellXfs count="82">
    <xf numFmtId="0" fontId="0" fillId="0" borderId="0" xfId="0">
      <alignment vertical="center"/>
    </xf>
    <xf numFmtId="0" fontId="2" fillId="0" borderId="0" xfId="0" applyFont="1">
      <alignment vertical="center"/>
    </xf>
    <xf numFmtId="0" fontId="4" fillId="0" borderId="0" xfId="0" applyFont="1">
      <alignment vertical="center"/>
    </xf>
    <xf numFmtId="0" fontId="4" fillId="0" borderId="7" xfId="0" applyFont="1" applyBorder="1" applyAlignment="1">
      <alignment vertical="top" wrapText="1"/>
    </xf>
    <xf numFmtId="0" fontId="2" fillId="0" borderId="0" xfId="0" applyFont="1" applyAlignment="1">
      <alignment horizontal="right" vertical="center"/>
    </xf>
    <xf numFmtId="0" fontId="4" fillId="0" borderId="8" xfId="0" applyFont="1" applyBorder="1" applyAlignment="1">
      <alignment horizontal="center" vertical="center"/>
    </xf>
    <xf numFmtId="0" fontId="4" fillId="0" borderId="14" xfId="0" applyFont="1" applyBorder="1" applyAlignment="1">
      <alignment vertical="top" wrapText="1"/>
    </xf>
    <xf numFmtId="0" fontId="4" fillId="0" borderId="10" xfId="0" applyFont="1" applyBorder="1" applyAlignment="1">
      <alignment vertical="top" wrapText="1"/>
    </xf>
    <xf numFmtId="0" fontId="4" fillId="0" borderId="11" xfId="0" applyFont="1" applyBorder="1" applyAlignment="1">
      <alignment vertical="top" wrapText="1"/>
    </xf>
    <xf numFmtId="0" fontId="4" fillId="0" borderId="9" xfId="0" applyFont="1" applyBorder="1" applyAlignment="1">
      <alignment vertical="top" wrapText="1"/>
    </xf>
    <xf numFmtId="0" fontId="4" fillId="0" borderId="36" xfId="0" applyFont="1" applyBorder="1" applyAlignment="1">
      <alignment vertical="center" wrapText="1"/>
    </xf>
    <xf numFmtId="0" fontId="4" fillId="0" borderId="18" xfId="0" applyFont="1" applyBorder="1" applyAlignment="1">
      <alignment vertical="top" wrapText="1"/>
    </xf>
    <xf numFmtId="0" fontId="4" fillId="0" borderId="19" xfId="0" applyFont="1" applyBorder="1" applyAlignment="1">
      <alignment vertical="top" wrapText="1"/>
    </xf>
    <xf numFmtId="0" fontId="4" fillId="0" borderId="48" xfId="0" applyFont="1" applyBorder="1" applyAlignment="1">
      <alignment vertical="top" wrapText="1"/>
    </xf>
    <xf numFmtId="0" fontId="4" fillId="0" borderId="49" xfId="0" applyFont="1" applyBorder="1" applyAlignment="1">
      <alignment vertical="top" wrapText="1"/>
    </xf>
    <xf numFmtId="0" fontId="4" fillId="0" borderId="50" xfId="0" applyFont="1" applyBorder="1" applyAlignment="1">
      <alignment vertical="top" wrapText="1"/>
    </xf>
    <xf numFmtId="0" fontId="4" fillId="0" borderId="1" xfId="0" applyFont="1" applyBorder="1" applyAlignment="1">
      <alignment vertical="top" wrapText="1"/>
    </xf>
    <xf numFmtId="0" fontId="4" fillId="0" borderId="23" xfId="0" applyFont="1" applyBorder="1" applyAlignment="1">
      <alignment vertical="top" wrapText="1"/>
    </xf>
    <xf numFmtId="0" fontId="4" fillId="0" borderId="2" xfId="0" applyFont="1" applyFill="1" applyBorder="1" applyAlignment="1">
      <alignment vertical="top" wrapText="1"/>
    </xf>
    <xf numFmtId="0" fontId="4" fillId="0" borderId="54" xfId="0" applyFont="1" applyFill="1" applyBorder="1" applyAlignment="1">
      <alignment vertical="top" wrapText="1"/>
    </xf>
    <xf numFmtId="0" fontId="4" fillId="0" borderId="43" xfId="0" applyFont="1" applyFill="1" applyBorder="1" applyAlignment="1">
      <alignment vertical="top" wrapText="1"/>
    </xf>
    <xf numFmtId="0" fontId="0" fillId="0" borderId="52" xfId="0" applyBorder="1" applyAlignment="1">
      <alignment vertical="center" wrapText="1"/>
    </xf>
    <xf numFmtId="0" fontId="4" fillId="0" borderId="55" xfId="0" applyFont="1" applyFill="1" applyBorder="1" applyAlignment="1">
      <alignment vertical="top" wrapText="1"/>
    </xf>
    <xf numFmtId="0" fontId="3" fillId="0" borderId="7" xfId="0" applyFont="1" applyBorder="1" applyAlignment="1">
      <alignment vertical="center" wrapText="1"/>
    </xf>
    <xf numFmtId="0" fontId="6" fillId="0" borderId="7" xfId="0" applyFont="1" applyBorder="1" applyAlignment="1">
      <alignment vertical="center" wrapText="1"/>
    </xf>
    <xf numFmtId="0" fontId="4" fillId="0" borderId="7" xfId="0" applyFont="1" applyBorder="1" applyAlignment="1">
      <alignment vertical="center" textRotation="255" wrapText="1"/>
    </xf>
    <xf numFmtId="0" fontId="5" fillId="0" borderId="7" xfId="0" applyFont="1" applyBorder="1" applyAlignment="1">
      <alignment vertical="center" textRotation="255" wrapText="1"/>
    </xf>
    <xf numFmtId="0" fontId="4" fillId="0" borderId="26" xfId="0" applyFont="1" applyBorder="1" applyAlignment="1">
      <alignment vertical="top" wrapText="1"/>
    </xf>
    <xf numFmtId="0" fontId="5" fillId="0" borderId="27" xfId="0" applyFont="1" applyBorder="1" applyAlignment="1">
      <alignment vertical="top" wrapText="1"/>
    </xf>
    <xf numFmtId="0" fontId="5" fillId="0" borderId="28" xfId="0" applyFont="1" applyBorder="1" applyAlignment="1">
      <alignment vertical="top" wrapText="1"/>
    </xf>
    <xf numFmtId="0" fontId="4" fillId="0" borderId="17" xfId="0" applyFont="1" applyBorder="1" applyAlignment="1">
      <alignment vertical="top" wrapText="1"/>
    </xf>
    <xf numFmtId="0" fontId="5" fillId="0" borderId="0" xfId="0" applyFont="1" applyBorder="1" applyAlignment="1">
      <alignment vertical="top" wrapText="1"/>
    </xf>
    <xf numFmtId="0" fontId="5" fillId="0" borderId="16" xfId="0" applyFont="1" applyBorder="1" applyAlignment="1">
      <alignment vertical="top" wrapText="1"/>
    </xf>
    <xf numFmtId="0" fontId="5" fillId="0" borderId="17" xfId="0" applyFont="1" applyBorder="1" applyAlignment="1">
      <alignment vertical="top" wrapText="1"/>
    </xf>
    <xf numFmtId="0" fontId="5" fillId="0" borderId="20" xfId="0" applyFont="1" applyBorder="1" applyAlignment="1">
      <alignment vertical="top" wrapText="1"/>
    </xf>
    <xf numFmtId="0" fontId="5" fillId="0" borderId="15" xfId="0" applyFont="1" applyBorder="1" applyAlignment="1">
      <alignment vertical="top" wrapText="1"/>
    </xf>
    <xf numFmtId="0" fontId="5" fillId="0" borderId="21" xfId="0" applyFont="1" applyBorder="1" applyAlignment="1">
      <alignment vertical="top" wrapText="1"/>
    </xf>
    <xf numFmtId="0" fontId="5" fillId="0" borderId="33" xfId="0" applyFont="1" applyBorder="1" applyAlignment="1">
      <alignment vertical="top" wrapText="1"/>
    </xf>
    <xf numFmtId="0" fontId="5" fillId="0" borderId="34" xfId="0" applyFont="1" applyBorder="1" applyAlignment="1">
      <alignment vertical="top" wrapText="1"/>
    </xf>
    <xf numFmtId="0" fontId="5" fillId="0" borderId="35" xfId="0" applyFont="1" applyBorder="1" applyAlignment="1">
      <alignment vertical="top" wrapText="1"/>
    </xf>
    <xf numFmtId="0" fontId="4" fillId="0" borderId="5" xfId="0" applyFont="1" applyBorder="1" applyAlignment="1">
      <alignment horizontal="center" vertical="center" wrapText="1"/>
    </xf>
    <xf numFmtId="0" fontId="5" fillId="0" borderId="6" xfId="0" applyFont="1" applyBorder="1" applyAlignment="1">
      <alignment horizontal="center" vertical="center" wrapText="1"/>
    </xf>
    <xf numFmtId="0" fontId="4" fillId="0" borderId="24" xfId="0" applyFont="1" applyBorder="1" applyAlignment="1">
      <alignment vertical="top" wrapText="1"/>
    </xf>
    <xf numFmtId="0" fontId="4" fillId="0" borderId="25" xfId="0" applyFont="1" applyBorder="1" applyAlignment="1">
      <alignment vertical="top" wrapText="1"/>
    </xf>
    <xf numFmtId="0" fontId="5" fillId="0" borderId="25" xfId="0" applyFont="1" applyBorder="1" applyAlignment="1">
      <alignment vertical="top" wrapText="1"/>
    </xf>
    <xf numFmtId="0" fontId="4" fillId="0" borderId="18" xfId="0" applyFont="1" applyBorder="1" applyAlignment="1">
      <alignment vertical="center" wrapText="1"/>
    </xf>
    <xf numFmtId="0" fontId="4" fillId="0" borderId="22" xfId="0" applyFont="1" applyBorder="1" applyAlignment="1">
      <alignment vertical="center" wrapText="1"/>
    </xf>
    <xf numFmtId="0" fontId="5" fillId="0" borderId="22" xfId="0" applyFont="1" applyBorder="1" applyAlignment="1">
      <alignment vertical="center" wrapText="1"/>
    </xf>
    <xf numFmtId="0" fontId="4" fillId="0" borderId="29" xfId="0" applyFont="1" applyBorder="1" applyAlignment="1">
      <alignment vertical="top" wrapText="1"/>
    </xf>
    <xf numFmtId="0" fontId="5" fillId="0" borderId="30" xfId="0" applyFont="1" applyBorder="1" applyAlignment="1">
      <alignment vertical="top" wrapText="1"/>
    </xf>
    <xf numFmtId="0" fontId="5" fillId="0" borderId="31" xfId="0" applyFont="1" applyBorder="1" applyAlignment="1">
      <alignment vertical="top" wrapText="1"/>
    </xf>
    <xf numFmtId="0" fontId="5" fillId="0" borderId="32" xfId="0" applyFont="1" applyBorder="1" applyAlignment="1">
      <alignment vertical="top" wrapText="1"/>
    </xf>
    <xf numFmtId="0" fontId="5" fillId="0" borderId="12" xfId="0" applyFont="1" applyBorder="1" applyAlignment="1">
      <alignment vertical="top" wrapText="1"/>
    </xf>
    <xf numFmtId="0" fontId="5" fillId="0" borderId="13" xfId="0" applyFont="1" applyBorder="1" applyAlignment="1">
      <alignment vertical="top" wrapText="1"/>
    </xf>
    <xf numFmtId="0" fontId="4" fillId="0" borderId="2" xfId="0" applyFont="1" applyBorder="1" applyAlignment="1">
      <alignment vertical="center"/>
    </xf>
    <xf numFmtId="0" fontId="5" fillId="0" borderId="3" xfId="0" applyFont="1" applyBorder="1" applyAlignment="1">
      <alignment vertical="center"/>
    </xf>
    <xf numFmtId="0" fontId="4" fillId="0" borderId="37" xfId="0" applyFont="1" applyBorder="1" applyAlignment="1">
      <alignment vertical="center" wrapText="1"/>
    </xf>
    <xf numFmtId="0" fontId="4" fillId="0" borderId="38" xfId="0" applyFont="1" applyBorder="1" applyAlignment="1">
      <alignment vertical="center" wrapText="1"/>
    </xf>
    <xf numFmtId="0" fontId="4" fillId="0" borderId="39" xfId="0" applyFont="1" applyBorder="1" applyAlignment="1">
      <alignment vertical="center" wrapText="1"/>
    </xf>
    <xf numFmtId="0" fontId="4" fillId="0" borderId="50" xfId="0" applyFont="1" applyBorder="1" applyAlignment="1">
      <alignment vertical="center" wrapText="1"/>
    </xf>
    <xf numFmtId="0" fontId="5" fillId="0" borderId="4" xfId="0" applyFont="1" applyBorder="1" applyAlignment="1">
      <alignment vertical="center" wrapText="1"/>
    </xf>
    <xf numFmtId="0" fontId="4" fillId="0" borderId="40" xfId="0" applyFont="1" applyBorder="1" applyAlignment="1">
      <alignment vertical="center" wrapText="1"/>
    </xf>
    <xf numFmtId="0" fontId="2" fillId="0" borderId="41" xfId="0" applyFont="1" applyBorder="1" applyAlignment="1">
      <alignment vertical="center" wrapText="1"/>
    </xf>
    <xf numFmtId="0" fontId="2" fillId="0" borderId="42" xfId="0" applyFont="1" applyBorder="1" applyAlignment="1">
      <alignment vertical="center" wrapText="1"/>
    </xf>
    <xf numFmtId="0" fontId="4" fillId="0" borderId="44" xfId="0" applyFont="1" applyBorder="1" applyAlignment="1">
      <alignment horizontal="center" vertical="center"/>
    </xf>
    <xf numFmtId="0" fontId="0" fillId="0" borderId="45" xfId="0" applyBorder="1" applyAlignment="1">
      <alignment horizontal="center" vertical="center"/>
    </xf>
    <xf numFmtId="0" fontId="4" fillId="0" borderId="46" xfId="0" applyFont="1" applyBorder="1" applyAlignment="1">
      <alignment vertical="top" wrapText="1"/>
    </xf>
    <xf numFmtId="0" fontId="0" fillId="0" borderId="38" xfId="0" applyBorder="1" applyAlignment="1">
      <alignment vertical="top" wrapText="1"/>
    </xf>
    <xf numFmtId="0" fontId="4" fillId="0" borderId="2" xfId="0" applyFont="1" applyBorder="1" applyAlignment="1">
      <alignment vertical="top" wrapText="1"/>
    </xf>
    <xf numFmtId="0" fontId="0" fillId="0" borderId="3" xfId="0" applyFont="1" applyBorder="1" applyAlignment="1">
      <alignment vertical="top" wrapText="1"/>
    </xf>
    <xf numFmtId="0" fontId="0" fillId="0" borderId="3" xfId="0" applyBorder="1" applyAlignment="1">
      <alignment vertical="top" wrapText="1"/>
    </xf>
    <xf numFmtId="0" fontId="4" fillId="0" borderId="47" xfId="0" applyFont="1" applyBorder="1" applyAlignment="1">
      <alignment vertical="top" wrapText="1"/>
    </xf>
    <xf numFmtId="0" fontId="0" fillId="0" borderId="53" xfId="0" applyBorder="1" applyAlignment="1">
      <alignment vertical="top" wrapText="1"/>
    </xf>
    <xf numFmtId="0" fontId="7" fillId="0" borderId="43" xfId="0" applyFont="1" applyFill="1" applyBorder="1" applyAlignment="1">
      <alignment vertical="top" wrapText="1"/>
    </xf>
    <xf numFmtId="0" fontId="8" fillId="0" borderId="41" xfId="0" applyFont="1" applyFill="1" applyBorder="1" applyAlignment="1">
      <alignment vertical="top" wrapText="1"/>
    </xf>
    <xf numFmtId="0" fontId="4" fillId="0" borderId="51" xfId="0" applyFont="1" applyBorder="1" applyAlignment="1">
      <alignment vertical="top" wrapText="1"/>
    </xf>
    <xf numFmtId="0" fontId="0" fillId="0" borderId="56" xfId="0" applyFont="1" applyBorder="1" applyAlignment="1">
      <alignment vertical="top" wrapText="1"/>
    </xf>
    <xf numFmtId="0" fontId="0" fillId="0" borderId="38" xfId="0" applyFont="1" applyBorder="1" applyAlignment="1">
      <alignment vertical="top" wrapText="1"/>
    </xf>
    <xf numFmtId="0" fontId="4" fillId="0" borderId="47" xfId="0" applyFont="1" applyFill="1" applyBorder="1" applyAlignment="1">
      <alignment vertical="top" wrapText="1"/>
    </xf>
    <xf numFmtId="0" fontId="0" fillId="0" borderId="53" xfId="0" applyFont="1" applyFill="1" applyBorder="1" applyAlignment="1">
      <alignment vertical="top" wrapText="1"/>
    </xf>
    <xf numFmtId="0" fontId="4" fillId="0" borderId="46" xfId="0" applyFont="1" applyFill="1" applyBorder="1" applyAlignment="1">
      <alignment vertical="top" wrapText="1"/>
    </xf>
    <xf numFmtId="0" fontId="0" fillId="0" borderId="38" xfId="0" applyFont="1" applyFill="1" applyBorder="1" applyAlignment="1">
      <alignmen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H25"/>
  <sheetViews>
    <sheetView tabSelected="1" view="pageBreakPreview" topLeftCell="A19" zoomScaleNormal="100" zoomScaleSheetLayoutView="100" workbookViewId="0">
      <selection activeCell="B22" sqref="B22:E25"/>
    </sheetView>
  </sheetViews>
  <sheetFormatPr defaultRowHeight="13.5" x14ac:dyDescent="0.15"/>
  <cols>
    <col min="1" max="1" width="3.625" style="1" customWidth="1"/>
    <col min="2" max="4" width="2.125" style="1" customWidth="1"/>
    <col min="5" max="5" width="8.125" style="1" customWidth="1"/>
    <col min="6" max="6" width="40.625" style="1" customWidth="1"/>
    <col min="7" max="7" width="30.625" style="1" customWidth="1"/>
    <col min="8" max="8" width="9.625" style="1" customWidth="1"/>
    <col min="9" max="16384" width="9" style="1"/>
  </cols>
  <sheetData>
    <row r="2" spans="2:8" x14ac:dyDescent="0.15">
      <c r="B2" s="1" t="s">
        <v>12</v>
      </c>
    </row>
    <row r="3" spans="2:8" ht="14.25" thickBot="1" x14ac:dyDescent="0.2">
      <c r="G3" s="4" t="s">
        <v>23</v>
      </c>
      <c r="H3" s="4"/>
    </row>
    <row r="4" spans="2:8" ht="15" customHeight="1" x14ac:dyDescent="0.15">
      <c r="B4" s="40"/>
      <c r="C4" s="41"/>
      <c r="D4" s="41"/>
      <c r="E4" s="41"/>
      <c r="F4" s="64" t="s">
        <v>11</v>
      </c>
      <c r="G4" s="65"/>
      <c r="H4" s="5" t="s">
        <v>5</v>
      </c>
    </row>
    <row r="5" spans="2:8" ht="172.5" customHeight="1" x14ac:dyDescent="0.15">
      <c r="B5" s="27" t="s">
        <v>0</v>
      </c>
      <c r="C5" s="28"/>
      <c r="D5" s="28"/>
      <c r="E5" s="29"/>
      <c r="F5" s="66" t="s">
        <v>40</v>
      </c>
      <c r="G5" s="67"/>
      <c r="H5" s="9"/>
    </row>
    <row r="6" spans="2:8" ht="62.25" customHeight="1" x14ac:dyDescent="0.15">
      <c r="B6" s="33"/>
      <c r="C6" s="31"/>
      <c r="D6" s="31"/>
      <c r="E6" s="32"/>
      <c r="F6" s="68" t="s">
        <v>24</v>
      </c>
      <c r="G6" s="70"/>
      <c r="H6" s="7"/>
    </row>
    <row r="7" spans="2:8" ht="61.5" customHeight="1" x14ac:dyDescent="0.15">
      <c r="B7" s="34"/>
      <c r="C7" s="35"/>
      <c r="D7" s="35"/>
      <c r="E7" s="36"/>
      <c r="F7" s="71" t="s">
        <v>26</v>
      </c>
      <c r="G7" s="72"/>
      <c r="H7" s="8"/>
    </row>
    <row r="8" spans="2:8" s="2" customFormat="1" ht="198" customHeight="1" x14ac:dyDescent="0.15">
      <c r="B8" s="27" t="s">
        <v>1</v>
      </c>
      <c r="C8" s="28"/>
      <c r="D8" s="28"/>
      <c r="E8" s="29"/>
      <c r="F8" s="13" t="s">
        <v>25</v>
      </c>
      <c r="G8" s="14" t="s">
        <v>42</v>
      </c>
      <c r="H8" s="9" t="s">
        <v>34</v>
      </c>
    </row>
    <row r="9" spans="2:8" ht="15" customHeight="1" x14ac:dyDescent="0.15">
      <c r="B9" s="56" t="s">
        <v>6</v>
      </c>
      <c r="C9" s="57"/>
      <c r="D9" s="57"/>
      <c r="E9" s="58"/>
      <c r="F9" s="13"/>
      <c r="G9" s="14"/>
      <c r="H9" s="9"/>
    </row>
    <row r="10" spans="2:8" ht="174" customHeight="1" x14ac:dyDescent="0.15">
      <c r="B10" s="42"/>
      <c r="C10" s="48" t="s">
        <v>2</v>
      </c>
      <c r="D10" s="49"/>
      <c r="E10" s="50"/>
      <c r="F10" s="18" t="s">
        <v>17</v>
      </c>
      <c r="G10" s="19" t="s">
        <v>27</v>
      </c>
      <c r="H10" s="7" t="s">
        <v>33</v>
      </c>
    </row>
    <row r="11" spans="2:8" ht="45" customHeight="1" x14ac:dyDescent="0.15">
      <c r="B11" s="43"/>
      <c r="C11" s="51"/>
      <c r="D11" s="52"/>
      <c r="E11" s="53"/>
      <c r="F11" s="15"/>
      <c r="G11" s="16" t="s">
        <v>13</v>
      </c>
      <c r="H11" s="7"/>
    </row>
    <row r="12" spans="2:8" ht="15" customHeight="1" x14ac:dyDescent="0.15">
      <c r="B12" s="43"/>
      <c r="C12" s="54" t="s">
        <v>15</v>
      </c>
      <c r="D12" s="55"/>
      <c r="E12" s="55"/>
      <c r="F12" s="55"/>
      <c r="G12" s="16"/>
      <c r="H12" s="7"/>
    </row>
    <row r="13" spans="2:8" ht="159" customHeight="1" x14ac:dyDescent="0.15">
      <c r="B13" s="44"/>
      <c r="C13" s="45"/>
      <c r="D13" s="23" t="s">
        <v>8</v>
      </c>
      <c r="E13" s="24"/>
      <c r="F13" s="18" t="s">
        <v>16</v>
      </c>
      <c r="G13" s="20" t="s">
        <v>31</v>
      </c>
      <c r="H13" s="7" t="s">
        <v>32</v>
      </c>
    </row>
    <row r="14" spans="2:8" ht="15" customHeight="1" x14ac:dyDescent="0.15">
      <c r="B14" s="44"/>
      <c r="C14" s="46"/>
      <c r="D14" s="59" t="s">
        <v>7</v>
      </c>
      <c r="E14" s="60"/>
      <c r="F14" s="60"/>
      <c r="G14" s="16"/>
      <c r="H14" s="12"/>
    </row>
    <row r="15" spans="2:8" ht="153.75" customHeight="1" x14ac:dyDescent="0.15">
      <c r="B15" s="44"/>
      <c r="C15" s="47"/>
      <c r="D15" s="25"/>
      <c r="E15" s="11" t="s">
        <v>3</v>
      </c>
      <c r="F15" s="15" t="s">
        <v>36</v>
      </c>
      <c r="G15" s="22" t="s">
        <v>21</v>
      </c>
      <c r="H15" s="7" t="s">
        <v>35</v>
      </c>
    </row>
    <row r="16" spans="2:8" ht="159" customHeight="1" x14ac:dyDescent="0.15">
      <c r="B16" s="44"/>
      <c r="C16" s="47"/>
      <c r="D16" s="26"/>
      <c r="E16" s="3" t="s">
        <v>4</v>
      </c>
      <c r="F16" s="15" t="s">
        <v>37</v>
      </c>
      <c r="G16" s="19" t="s">
        <v>22</v>
      </c>
      <c r="H16" s="7" t="s">
        <v>35</v>
      </c>
    </row>
    <row r="17" spans="2:8" ht="243" customHeight="1" x14ac:dyDescent="0.15">
      <c r="B17" s="61" t="s">
        <v>14</v>
      </c>
      <c r="C17" s="62"/>
      <c r="D17" s="62"/>
      <c r="E17" s="63"/>
      <c r="F17" s="73" t="s">
        <v>39</v>
      </c>
      <c r="G17" s="74"/>
      <c r="H17" s="21"/>
    </row>
    <row r="18" spans="2:8" ht="41.25" customHeight="1" x14ac:dyDescent="0.15">
      <c r="B18" s="27" t="s">
        <v>9</v>
      </c>
      <c r="C18" s="28"/>
      <c r="D18" s="28"/>
      <c r="E18" s="29"/>
      <c r="F18" s="66" t="s">
        <v>18</v>
      </c>
      <c r="G18" s="77"/>
      <c r="H18" s="9"/>
    </row>
    <row r="19" spans="2:8" ht="41.25" customHeight="1" x14ac:dyDescent="0.15">
      <c r="B19" s="30"/>
      <c r="C19" s="31"/>
      <c r="D19" s="31"/>
      <c r="E19" s="32"/>
      <c r="F19" s="68" t="s">
        <v>19</v>
      </c>
      <c r="G19" s="69"/>
      <c r="H19" s="6"/>
    </row>
    <row r="20" spans="2:8" ht="41.25" customHeight="1" x14ac:dyDescent="0.15">
      <c r="B20" s="33"/>
      <c r="C20" s="31"/>
      <c r="D20" s="31"/>
      <c r="E20" s="32"/>
      <c r="F20" s="68" t="s">
        <v>20</v>
      </c>
      <c r="G20" s="69"/>
      <c r="H20" s="7"/>
    </row>
    <row r="21" spans="2:8" ht="41.25" customHeight="1" x14ac:dyDescent="0.15">
      <c r="B21" s="34"/>
      <c r="C21" s="35"/>
      <c r="D21" s="35"/>
      <c r="E21" s="36"/>
      <c r="F21" s="78" t="s">
        <v>38</v>
      </c>
      <c r="G21" s="79"/>
      <c r="H21" s="7"/>
    </row>
    <row r="22" spans="2:8" ht="42" customHeight="1" x14ac:dyDescent="0.15">
      <c r="B22" s="27" t="s">
        <v>10</v>
      </c>
      <c r="C22" s="28"/>
      <c r="D22" s="28"/>
      <c r="E22" s="29"/>
      <c r="F22" s="80" t="s">
        <v>28</v>
      </c>
      <c r="G22" s="81"/>
      <c r="H22" s="9"/>
    </row>
    <row r="23" spans="2:8" ht="42" customHeight="1" x14ac:dyDescent="0.15">
      <c r="B23" s="33"/>
      <c r="C23" s="31"/>
      <c r="D23" s="31"/>
      <c r="E23" s="32"/>
      <c r="F23" s="68" t="s">
        <v>41</v>
      </c>
      <c r="G23" s="69"/>
      <c r="H23" s="6"/>
    </row>
    <row r="24" spans="2:8" ht="42" customHeight="1" x14ac:dyDescent="0.15">
      <c r="B24" s="33"/>
      <c r="C24" s="31"/>
      <c r="D24" s="31"/>
      <c r="E24" s="32"/>
      <c r="F24" s="68" t="s">
        <v>29</v>
      </c>
      <c r="G24" s="69"/>
      <c r="H24" s="17"/>
    </row>
    <row r="25" spans="2:8" ht="42" customHeight="1" thickBot="1" x14ac:dyDescent="0.2">
      <c r="B25" s="37"/>
      <c r="C25" s="38"/>
      <c r="D25" s="38"/>
      <c r="E25" s="39"/>
      <c r="F25" s="75" t="s">
        <v>30</v>
      </c>
      <c r="G25" s="76"/>
      <c r="H25" s="10"/>
    </row>
  </sheetData>
  <mergeCells count="27">
    <mergeCell ref="F19:G19"/>
    <mergeCell ref="F6:G6"/>
    <mergeCell ref="F7:G7"/>
    <mergeCell ref="F17:G17"/>
    <mergeCell ref="F25:G25"/>
    <mergeCell ref="F18:G18"/>
    <mergeCell ref="F20:G20"/>
    <mergeCell ref="F21:G21"/>
    <mergeCell ref="F22:G22"/>
    <mergeCell ref="F23:G23"/>
    <mergeCell ref="F24:G24"/>
    <mergeCell ref="D13:E13"/>
    <mergeCell ref="D15:D16"/>
    <mergeCell ref="B18:E21"/>
    <mergeCell ref="B22:E25"/>
    <mergeCell ref="B4:E4"/>
    <mergeCell ref="B5:E7"/>
    <mergeCell ref="B8:E8"/>
    <mergeCell ref="B10:B16"/>
    <mergeCell ref="C13:C16"/>
    <mergeCell ref="C10:E11"/>
    <mergeCell ref="C12:F12"/>
    <mergeCell ref="B9:E9"/>
    <mergeCell ref="D14:F14"/>
    <mergeCell ref="B17:E17"/>
    <mergeCell ref="F4:G4"/>
    <mergeCell ref="F5:G5"/>
  </mergeCells>
  <phoneticPr fontId="1"/>
  <pageMargins left="0.78740157480314965" right="0.39370078740157483" top="0.78740157480314965" bottom="0.78740157480314965" header="0.39370078740157483" footer="0.31496062992125984"/>
  <pageSetup paperSize="9" scale="82" orientation="portrait" r:id="rId1"/>
  <headerFooter>
    <oddHeader>&amp;R&amp;"ＭＳ Ｐ明朝,標準"&amp;9（平成３０年度中間）資料４－２</oddHeader>
    <oddFooter>&amp;C&amp;"ＭＳ Ｐ明朝,標準"&amp;9&amp;P／&amp;N</oddFooter>
  </headerFooter>
  <rowBreaks count="1" manualBreakCount="1">
    <brk id="13" max="7" man="1"/>
  </rowBreaks>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様式</vt:lpstr>
      <vt:lpstr>様式!Print_Area</vt:lpstr>
      <vt:lpstr>様式!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10-09T04:00:58Z</cp:lastPrinted>
  <dcterms:created xsi:type="dcterms:W3CDTF">2016-01-14T06:42:08Z</dcterms:created>
  <dcterms:modified xsi:type="dcterms:W3CDTF">2019-01-07T03:05:58Z</dcterms:modified>
</cp:coreProperties>
</file>